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i23086\Desktop\"/>
    </mc:Choice>
  </mc:AlternateContent>
  <bookViews>
    <workbookView xWindow="120" yWindow="45" windowWidth="14970" windowHeight="9000" tabRatio="918"/>
  </bookViews>
  <sheets>
    <sheet name="１2実績書" sheetId="7" r:id="rId1"/>
  </sheets>
  <definedNames>
    <definedName name="_Key1" hidden="1">#REF!</definedName>
    <definedName name="_Key2" hidden="1">#REF!</definedName>
    <definedName name="_Order1" hidden="1">255</definedName>
    <definedName name="_Order2" hidden="1">255</definedName>
    <definedName name="_Sort" hidden="1">#REF!</definedName>
  </definedNames>
  <calcPr calcId="145621"/>
</workbook>
</file>

<file path=xl/sharedStrings.xml><?xml version="1.0" encoding="utf-8"?>
<sst xmlns="http://schemas.openxmlformats.org/spreadsheetml/2006/main" count="76" uniqueCount="50">
  <si>
    <t>人員</t>
    <rPh sb="0" eb="2">
      <t>ジンイン</t>
    </rPh>
    <phoneticPr fontId="2"/>
  </si>
  <si>
    <t>（注）</t>
    <rPh sb="1" eb="2">
      <t>チュウ</t>
    </rPh>
    <phoneticPr fontId="2"/>
  </si>
  <si>
    <t>担当者数</t>
    <rPh sb="0" eb="3">
      <t>タントウシャ</t>
    </rPh>
    <rPh sb="3" eb="4">
      <t>スウ</t>
    </rPh>
    <phoneticPr fontId="2"/>
  </si>
  <si>
    <t>時間数</t>
    <rPh sb="0" eb="3">
      <t>ジカンスウ</t>
    </rPh>
    <phoneticPr fontId="2"/>
  </si>
  <si>
    <t>定員</t>
    <rPh sb="0" eb="2">
      <t>テイイン</t>
    </rPh>
    <phoneticPr fontId="2"/>
  </si>
  <si>
    <t>定員</t>
    <rPh sb="0" eb="2">
      <t>テイイン</t>
    </rPh>
    <phoneticPr fontId="2"/>
  </si>
  <si>
    <t>2　1養成所が2課程以上有する場合についても各々別々に記載すること。</t>
    <rPh sb="3" eb="6">
      <t>ヨウセイショ</t>
    </rPh>
    <rPh sb="8" eb="10">
      <t>カテイ</t>
    </rPh>
    <rPh sb="10" eb="12">
      <t>イジョウ</t>
    </rPh>
    <rPh sb="12" eb="13">
      <t>ユウ</t>
    </rPh>
    <rPh sb="15" eb="17">
      <t>バアイ</t>
    </rPh>
    <rPh sb="22" eb="23">
      <t>カク</t>
    </rPh>
    <rPh sb="24" eb="26">
      <t>ベツベツ</t>
    </rPh>
    <rPh sb="27" eb="29">
      <t>キサイ</t>
    </rPh>
    <phoneticPr fontId="2"/>
  </si>
  <si>
    <t>3　「学生生徒定員」欄のクラス数及び定員は、学則上のクラス数及び定員の総計を、「学生生徒人員」欄のクラス数及び人員は、4月15日現在のクラス</t>
    <rPh sb="3" eb="5">
      <t>ガクセイ</t>
    </rPh>
    <rPh sb="5" eb="7">
      <t>セイト</t>
    </rPh>
    <rPh sb="7" eb="9">
      <t>テイイン</t>
    </rPh>
    <rPh sb="10" eb="11">
      <t>ラン</t>
    </rPh>
    <rPh sb="15" eb="16">
      <t>スウ</t>
    </rPh>
    <rPh sb="16" eb="17">
      <t>オヨ</t>
    </rPh>
    <rPh sb="18" eb="20">
      <t>テイイン</t>
    </rPh>
    <rPh sb="22" eb="24">
      <t>ガクソク</t>
    </rPh>
    <rPh sb="24" eb="25">
      <t>ジョウ</t>
    </rPh>
    <rPh sb="29" eb="30">
      <t>スウ</t>
    </rPh>
    <rPh sb="30" eb="31">
      <t>オヨ</t>
    </rPh>
    <rPh sb="32" eb="34">
      <t>テイイン</t>
    </rPh>
    <rPh sb="35" eb="37">
      <t>ソウケイ</t>
    </rPh>
    <rPh sb="40" eb="42">
      <t>ガクセイ</t>
    </rPh>
    <rPh sb="42" eb="44">
      <t>セイト</t>
    </rPh>
    <rPh sb="44" eb="46">
      <t>ジンイン</t>
    </rPh>
    <rPh sb="47" eb="48">
      <t>ラン</t>
    </rPh>
    <rPh sb="52" eb="53">
      <t>スウ</t>
    </rPh>
    <rPh sb="53" eb="54">
      <t>オヨ</t>
    </rPh>
    <rPh sb="55" eb="57">
      <t>ジンイン</t>
    </rPh>
    <rPh sb="60" eb="61">
      <t>ツキ</t>
    </rPh>
    <rPh sb="63" eb="64">
      <t>ヒ</t>
    </rPh>
    <rPh sb="64" eb="66">
      <t>ゲンザイ</t>
    </rPh>
    <phoneticPr fontId="2"/>
  </si>
  <si>
    <t>養成所名</t>
    <rPh sb="0" eb="2">
      <t>ヨウセイ</t>
    </rPh>
    <rPh sb="2" eb="3">
      <t>ショ</t>
    </rPh>
    <rPh sb="3" eb="4">
      <t>メイ</t>
    </rPh>
    <phoneticPr fontId="2"/>
  </si>
  <si>
    <t>学生生徒</t>
    <rPh sb="0" eb="2">
      <t>ガクセイ</t>
    </rPh>
    <rPh sb="2" eb="4">
      <t>セイト</t>
    </rPh>
    <phoneticPr fontId="2"/>
  </si>
  <si>
    <t>教　　員</t>
    <rPh sb="0" eb="4">
      <t>キョウイン</t>
    </rPh>
    <phoneticPr fontId="2"/>
  </si>
  <si>
    <t>その他の職員</t>
    <rPh sb="0" eb="3">
      <t>ソノタ</t>
    </rPh>
    <rPh sb="4" eb="6">
      <t>ショクイン</t>
    </rPh>
    <phoneticPr fontId="2"/>
  </si>
  <si>
    <t>計</t>
    <rPh sb="0" eb="1">
      <t>ケイ</t>
    </rPh>
    <phoneticPr fontId="2"/>
  </si>
  <si>
    <t>講義時間数</t>
    <rPh sb="0" eb="2">
      <t>コウギ</t>
    </rPh>
    <rPh sb="2" eb="5">
      <t>ジカンスウ</t>
    </rPh>
    <phoneticPr fontId="2"/>
  </si>
  <si>
    <t>専修学校及び</t>
    <rPh sb="0" eb="2">
      <t>センシュウ</t>
    </rPh>
    <rPh sb="2" eb="4">
      <t>ガッコウ</t>
    </rPh>
    <rPh sb="4" eb="5">
      <t>オヨ</t>
    </rPh>
    <phoneticPr fontId="2"/>
  </si>
  <si>
    <t>定　　員</t>
    <rPh sb="0" eb="4">
      <t>テイイン</t>
    </rPh>
    <phoneticPr fontId="2"/>
  </si>
  <si>
    <t>人　　員</t>
    <rPh sb="0" eb="4">
      <t>ジンイン</t>
    </rPh>
    <phoneticPr fontId="2"/>
  </si>
  <si>
    <t>専任教員</t>
    <rPh sb="0" eb="2">
      <t>センニン</t>
    </rPh>
    <rPh sb="2" eb="4">
      <t>キョウイン</t>
    </rPh>
    <phoneticPr fontId="2"/>
  </si>
  <si>
    <t>その他の教員</t>
    <rPh sb="0" eb="3">
      <t>ソノタ</t>
    </rPh>
    <rPh sb="4" eb="6">
      <t>キョウイン</t>
    </rPh>
    <phoneticPr fontId="2"/>
  </si>
  <si>
    <t>専任職員</t>
    <rPh sb="0" eb="2">
      <t>センニン</t>
    </rPh>
    <rPh sb="2" eb="4">
      <t>ショクイン</t>
    </rPh>
    <phoneticPr fontId="2"/>
  </si>
  <si>
    <t>その他の職員</t>
    <rPh sb="0" eb="3">
      <t>ソノタ</t>
    </rPh>
    <rPh sb="4" eb="6">
      <t>ショクイン</t>
    </rPh>
    <phoneticPr fontId="2"/>
  </si>
  <si>
    <t>部内教員</t>
    <rPh sb="0" eb="2">
      <t>ブナイ</t>
    </rPh>
    <rPh sb="2" eb="4">
      <t>キョウイン</t>
    </rPh>
    <phoneticPr fontId="2"/>
  </si>
  <si>
    <t>部外教員</t>
    <rPh sb="0" eb="2">
      <t>ブガイ</t>
    </rPh>
    <rPh sb="2" eb="4">
      <t>キョウイン</t>
    </rPh>
    <phoneticPr fontId="2"/>
  </si>
  <si>
    <t>課　程</t>
    <rPh sb="0" eb="3">
      <t>カテイ</t>
    </rPh>
    <phoneticPr fontId="2"/>
  </si>
  <si>
    <t>各種学校の</t>
    <rPh sb="0" eb="2">
      <t>カクシュ</t>
    </rPh>
    <rPh sb="2" eb="4">
      <t>ガッコウ</t>
    </rPh>
    <phoneticPr fontId="2"/>
  </si>
  <si>
    <t>専任教員による時間数</t>
    <rPh sb="0" eb="2">
      <t>センニン</t>
    </rPh>
    <rPh sb="2" eb="4">
      <t>キョウイン</t>
    </rPh>
    <rPh sb="7" eb="10">
      <t>ジカンスウ</t>
    </rPh>
    <phoneticPr fontId="2"/>
  </si>
  <si>
    <t>その他の教員による時間数</t>
    <rPh sb="0" eb="3">
      <t>ソノタ</t>
    </rPh>
    <rPh sb="4" eb="6">
      <t>キョウイン</t>
    </rPh>
    <rPh sb="9" eb="12">
      <t>ジカンスウ</t>
    </rPh>
    <phoneticPr fontId="2"/>
  </si>
  <si>
    <t>時間数</t>
    <rPh sb="0" eb="3">
      <t>ジカンスウ</t>
    </rPh>
    <phoneticPr fontId="2"/>
  </si>
  <si>
    <t>備　　考</t>
    <rPh sb="0" eb="4">
      <t>ビコウ</t>
    </rPh>
    <phoneticPr fontId="2"/>
  </si>
  <si>
    <t>認可年月日</t>
    <rPh sb="0" eb="2">
      <t>ニンカ</t>
    </rPh>
    <rPh sb="2" eb="3">
      <t>ネン</t>
    </rPh>
    <rPh sb="3" eb="5">
      <t>ツキヒ</t>
    </rPh>
    <phoneticPr fontId="2"/>
  </si>
  <si>
    <t>ｸﾗｽ数</t>
    <rPh sb="3" eb="4">
      <t>スウ</t>
    </rPh>
    <phoneticPr fontId="2"/>
  </si>
  <si>
    <t>ｸﾗｽ数</t>
    <rPh sb="3" eb="4">
      <t>スウ</t>
    </rPh>
    <phoneticPr fontId="2"/>
  </si>
  <si>
    <t>実人員</t>
    <rPh sb="0" eb="3">
      <t>ジツジンイン</t>
    </rPh>
    <phoneticPr fontId="2"/>
  </si>
  <si>
    <t>番号、所在地</t>
    <rPh sb="0" eb="2">
      <t>バンゴウ</t>
    </rPh>
    <rPh sb="3" eb="6">
      <t>ショザイチ</t>
    </rPh>
    <phoneticPr fontId="2"/>
  </si>
  <si>
    <t>人</t>
    <rPh sb="0" eb="1">
      <t>ニン</t>
    </rPh>
    <phoneticPr fontId="2"/>
  </si>
  <si>
    <t>時間</t>
    <rPh sb="0" eb="2">
      <t>ジカン</t>
    </rPh>
    <phoneticPr fontId="2"/>
  </si>
  <si>
    <t>人</t>
    <rPh sb="0" eb="1">
      <t>ニン</t>
    </rPh>
    <phoneticPr fontId="2"/>
  </si>
  <si>
    <t>(　)</t>
    <phoneticPr fontId="2"/>
  </si>
  <si>
    <t>　　　　月</t>
    <rPh sb="4" eb="5">
      <t>ツキ</t>
    </rPh>
    <phoneticPr fontId="2"/>
  </si>
  <si>
    <t>　　　　人</t>
    <rPh sb="4" eb="5">
      <t>ニン</t>
    </rPh>
    <phoneticPr fontId="2"/>
  </si>
  <si>
    <t>(　月　日現在）</t>
    <rPh sb="2" eb="3">
      <t>ツキ</t>
    </rPh>
    <rPh sb="4" eb="5">
      <t>ヒ</t>
    </rPh>
    <rPh sb="5" eb="7">
      <t>ゲンザイ</t>
    </rPh>
    <phoneticPr fontId="2"/>
  </si>
  <si>
    <t>1　「課程」欄は、保健師、助産師、看護師（3年）、看護師（2年）、准看護師ごとに、それぞれ保、助、看３、看２、准の別を記載すること。</t>
    <rPh sb="3" eb="5">
      <t>カテイ</t>
    </rPh>
    <rPh sb="6" eb="7">
      <t>ラン</t>
    </rPh>
    <rPh sb="9" eb="11">
      <t>ホケンフ</t>
    </rPh>
    <rPh sb="11" eb="12">
      <t>シ</t>
    </rPh>
    <rPh sb="13" eb="15">
      <t>ジョサンプ</t>
    </rPh>
    <rPh sb="15" eb="16">
      <t>シ</t>
    </rPh>
    <rPh sb="17" eb="19">
      <t>カンゴフ</t>
    </rPh>
    <rPh sb="19" eb="20">
      <t>シ</t>
    </rPh>
    <rPh sb="22" eb="23">
      <t>ネン</t>
    </rPh>
    <rPh sb="25" eb="27">
      <t>カンゴフ</t>
    </rPh>
    <rPh sb="27" eb="28">
      <t>シ</t>
    </rPh>
    <rPh sb="30" eb="31">
      <t>ネン</t>
    </rPh>
    <rPh sb="33" eb="36">
      <t>ジュンカンゴフ</t>
    </rPh>
    <rPh sb="36" eb="37">
      <t>シ</t>
    </rPh>
    <rPh sb="45" eb="46">
      <t>ホ</t>
    </rPh>
    <rPh sb="47" eb="48">
      <t>ジョ</t>
    </rPh>
    <rPh sb="49" eb="50">
      <t>カン</t>
    </rPh>
    <rPh sb="52" eb="53">
      <t>カン</t>
    </rPh>
    <rPh sb="55" eb="56">
      <t>ジュン</t>
    </rPh>
    <rPh sb="57" eb="58">
      <t>ベツ</t>
    </rPh>
    <rPh sb="59" eb="61">
      <t>キサイ</t>
    </rPh>
    <phoneticPr fontId="2"/>
  </si>
  <si>
    <t>4　専任職員欄の上段（　）内には、事務職員数を再掲すること。（専任の事務職員のいる養成所については、全施設記入すること。）</t>
    <rPh sb="2" eb="4">
      <t>センニン</t>
    </rPh>
    <rPh sb="4" eb="6">
      <t>ショクイン</t>
    </rPh>
    <rPh sb="6" eb="7">
      <t>ラン</t>
    </rPh>
    <rPh sb="8" eb="10">
      <t>ジョウダン</t>
    </rPh>
    <rPh sb="13" eb="14">
      <t>ナイ</t>
    </rPh>
    <rPh sb="17" eb="19">
      <t>ジム</t>
    </rPh>
    <rPh sb="19" eb="21">
      <t>ショクイン</t>
    </rPh>
    <rPh sb="21" eb="22">
      <t>スウ</t>
    </rPh>
    <rPh sb="23" eb="25">
      <t>サイケイ</t>
    </rPh>
    <rPh sb="31" eb="33">
      <t>センニン</t>
    </rPh>
    <rPh sb="34" eb="36">
      <t>ジム</t>
    </rPh>
    <rPh sb="36" eb="38">
      <t>ショクイン</t>
    </rPh>
    <rPh sb="41" eb="44">
      <t>ヨウセイショ</t>
    </rPh>
    <rPh sb="50" eb="53">
      <t>ゼンシセツ</t>
    </rPh>
    <rPh sb="53" eb="55">
      <t>キニュウ</t>
    </rPh>
    <phoneticPr fontId="2"/>
  </si>
  <si>
    <t>5　准看護師養成所において、看護師養成所への変更を予定している養成所が、看護師師校養成所指定基準に対応するため、先行して専任教員増員を図る養成所</t>
    <rPh sb="2" eb="5">
      <t>ジュンカンゴフ</t>
    </rPh>
    <rPh sb="5" eb="6">
      <t>シ</t>
    </rPh>
    <rPh sb="6" eb="9">
      <t>ヨウセイショ</t>
    </rPh>
    <rPh sb="14" eb="16">
      <t>カンゴフ</t>
    </rPh>
    <rPh sb="16" eb="17">
      <t>シ</t>
    </rPh>
    <rPh sb="17" eb="20">
      <t>ヨウセイショ</t>
    </rPh>
    <rPh sb="22" eb="24">
      <t>ヘンコウ</t>
    </rPh>
    <rPh sb="25" eb="27">
      <t>ヨテイ</t>
    </rPh>
    <rPh sb="31" eb="34">
      <t>ヨウセイショ</t>
    </rPh>
    <rPh sb="36" eb="38">
      <t>カンゴフ</t>
    </rPh>
    <rPh sb="38" eb="39">
      <t>シ</t>
    </rPh>
    <rPh sb="39" eb="40">
      <t>シ</t>
    </rPh>
    <rPh sb="40" eb="41">
      <t>ガッコウ</t>
    </rPh>
    <rPh sb="41" eb="44">
      <t>ヨウセイショ</t>
    </rPh>
    <rPh sb="44" eb="46">
      <t>シテイ</t>
    </rPh>
    <rPh sb="46" eb="48">
      <t>キジュン</t>
    </rPh>
    <rPh sb="49" eb="51">
      <t>タイオウ</t>
    </rPh>
    <rPh sb="56" eb="58">
      <t>センコウ</t>
    </rPh>
    <rPh sb="60" eb="62">
      <t>センニン</t>
    </rPh>
    <rPh sb="62" eb="64">
      <t>キョウイン</t>
    </rPh>
    <rPh sb="64" eb="66">
      <t>ゾウイン</t>
    </rPh>
    <rPh sb="67" eb="68">
      <t>ハカ</t>
    </rPh>
    <rPh sb="69" eb="72">
      <t>ヨウセイショ</t>
    </rPh>
    <phoneticPr fontId="2"/>
  </si>
  <si>
    <t>　 は、「備考」欄に増員した期間及び人数（「教員」欄と別掲）を記載すること。</t>
    <rPh sb="5" eb="7">
      <t>ビコウ</t>
    </rPh>
    <rPh sb="8" eb="9">
      <t>ラン</t>
    </rPh>
    <rPh sb="10" eb="12">
      <t>ゾウイン</t>
    </rPh>
    <rPh sb="14" eb="16">
      <t>キカン</t>
    </rPh>
    <rPh sb="16" eb="17">
      <t>オヨ</t>
    </rPh>
    <rPh sb="18" eb="19">
      <t>ジンイン</t>
    </rPh>
    <rPh sb="19" eb="20">
      <t>スウ</t>
    </rPh>
    <rPh sb="22" eb="24">
      <t>キョウイン</t>
    </rPh>
    <rPh sb="25" eb="26">
      <t>ラン</t>
    </rPh>
    <rPh sb="27" eb="29">
      <t>ベッケイ</t>
    </rPh>
    <rPh sb="31" eb="33">
      <t>キサイ</t>
    </rPh>
    <phoneticPr fontId="2"/>
  </si>
  <si>
    <t>　 数及び人員の総数を、「教員」欄及び「その他の職員」欄の定員及び実人員は、それぞれ学則上の定員及び申請日現在の職員数を記載すること。</t>
    <rPh sb="2" eb="3">
      <t>スウ</t>
    </rPh>
    <rPh sb="3" eb="4">
      <t>オヨ</t>
    </rPh>
    <rPh sb="5" eb="7">
      <t>ジンイン</t>
    </rPh>
    <rPh sb="8" eb="10">
      <t>ソウスウ</t>
    </rPh>
    <rPh sb="13" eb="15">
      <t>キョウイン</t>
    </rPh>
    <rPh sb="16" eb="17">
      <t>ラン</t>
    </rPh>
    <rPh sb="17" eb="18">
      <t>オヨ</t>
    </rPh>
    <rPh sb="20" eb="23">
      <t>ソノタ</t>
    </rPh>
    <rPh sb="24" eb="26">
      <t>ショクイン</t>
    </rPh>
    <rPh sb="27" eb="28">
      <t>ラン</t>
    </rPh>
    <rPh sb="29" eb="31">
      <t>テイイン</t>
    </rPh>
    <rPh sb="31" eb="32">
      <t>オヨ</t>
    </rPh>
    <rPh sb="33" eb="36">
      <t>ジツジンイン</t>
    </rPh>
    <rPh sb="42" eb="44">
      <t>ガクソク</t>
    </rPh>
    <rPh sb="44" eb="45">
      <t>ジョウ</t>
    </rPh>
    <rPh sb="46" eb="48">
      <t>テイイン</t>
    </rPh>
    <rPh sb="48" eb="49">
      <t>オヨ</t>
    </rPh>
    <rPh sb="50" eb="52">
      <t>シンセイ</t>
    </rPh>
    <rPh sb="52" eb="53">
      <t>ヒ</t>
    </rPh>
    <rPh sb="53" eb="55">
      <t>ゲンザイ</t>
    </rPh>
    <rPh sb="56" eb="59">
      <t>ショクインスウ</t>
    </rPh>
    <rPh sb="60" eb="62">
      <t>キサイ</t>
    </rPh>
    <phoneticPr fontId="2"/>
  </si>
  <si>
    <t>看護師等養成所運営事業実績書</t>
    <rPh sb="0" eb="2">
      <t>カンゴフ</t>
    </rPh>
    <rPh sb="2" eb="3">
      <t>シ</t>
    </rPh>
    <rPh sb="3" eb="4">
      <t>トウ</t>
    </rPh>
    <rPh sb="4" eb="7">
      <t>ヨウセイショ</t>
    </rPh>
    <rPh sb="7" eb="9">
      <t>ウンエイ</t>
    </rPh>
    <rPh sb="9" eb="11">
      <t>ジギョウ</t>
    </rPh>
    <rPh sb="11" eb="13">
      <t>ジッセキ</t>
    </rPh>
    <rPh sb="13" eb="14">
      <t>ショ</t>
    </rPh>
    <phoneticPr fontId="2"/>
  </si>
  <si>
    <t>第１２号様式（第９条関係）</t>
    <rPh sb="0" eb="1">
      <t>ダイ</t>
    </rPh>
    <rPh sb="3" eb="4">
      <t>ゴウ</t>
    </rPh>
    <rPh sb="4" eb="6">
      <t>ヨウシキ</t>
    </rPh>
    <rPh sb="7" eb="8">
      <t>ダイ</t>
    </rPh>
    <rPh sb="9" eb="10">
      <t>ジョウ</t>
    </rPh>
    <rPh sb="10" eb="12">
      <t>カンケイ</t>
    </rPh>
    <phoneticPr fontId="2"/>
  </si>
  <si>
    <t>看護師養成所</t>
    <rPh sb="0" eb="3">
      <t>カンゴシ</t>
    </rPh>
    <rPh sb="3" eb="6">
      <t>ヨウセイショ</t>
    </rPh>
    <phoneticPr fontId="2"/>
  </si>
  <si>
    <t>変更分</t>
    <rPh sb="0" eb="2">
      <t>ヘンコウ</t>
    </rPh>
    <rPh sb="2" eb="3">
      <t>ブ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0" fontId="7" fillId="0" borderId="0"/>
    <xf numFmtId="38" fontId="9" fillId="0" borderId="0" applyFont="0" applyFill="0" applyBorder="0" applyAlignment="0" applyProtection="0">
      <alignment vertical="center"/>
    </xf>
    <xf numFmtId="0" fontId="10" fillId="0" borderId="0"/>
    <xf numFmtId="0" fontId="1" fillId="0" borderId="0"/>
    <xf numFmtId="1" fontId="6" fillId="0" borderId="0"/>
  </cellStyleXfs>
  <cellXfs count="43">
    <xf numFmtId="0" fontId="0" fillId="0" borderId="0" xfId="0"/>
    <xf numFmtId="0" fontId="0" fillId="0" borderId="1" xfId="0" applyBorder="1"/>
    <xf numFmtId="0" fontId="0" fillId="0" borderId="6" xfId="0" applyBorder="1"/>
    <xf numFmtId="0" fontId="0" fillId="0" borderId="4" xfId="0" applyBorder="1"/>
    <xf numFmtId="0" fontId="0" fillId="0" borderId="2" xfId="0" applyBorder="1"/>
    <xf numFmtId="0" fontId="0" fillId="0" borderId="3" xfId="0" applyBorder="1"/>
    <xf numFmtId="0" fontId="0" fillId="0" borderId="0" xfId="0" applyBorder="1"/>
    <xf numFmtId="0" fontId="0" fillId="0" borderId="10" xfId="0" applyBorder="1"/>
    <xf numFmtId="0" fontId="0" fillId="0" borderId="8" xfId="0" applyBorder="1"/>
    <xf numFmtId="0" fontId="0" fillId="0" borderId="9" xfId="0" applyBorder="1"/>
    <xf numFmtId="0" fontId="6" fillId="0" borderId="0" xfId="0" applyFont="1"/>
    <xf numFmtId="0" fontId="0" fillId="0" borderId="0" xfId="0" applyAlignment="1">
      <alignment horizontal="center"/>
    </xf>
    <xf numFmtId="0" fontId="3" fillId="0" borderId="2" xfId="0" applyFont="1" applyBorder="1"/>
    <xf numFmtId="0" fontId="4" fillId="0" borderId="3" xfId="0" applyFont="1" applyBorder="1"/>
    <xf numFmtId="0" fontId="4" fillId="0" borderId="0" xfId="0" applyFont="1" applyAlignment="1">
      <alignment horizontal="right"/>
    </xf>
    <xf numFmtId="0" fontId="5" fillId="0" borderId="0" xfId="0" applyFont="1" applyAlignment="1">
      <alignment horizontal="right"/>
    </xf>
    <xf numFmtId="0" fontId="5" fillId="0" borderId="6" xfId="0" applyFont="1" applyBorder="1" applyAlignment="1">
      <alignment horizontal="right"/>
    </xf>
    <xf numFmtId="0" fontId="5" fillId="0" borderId="6" xfId="0" applyFont="1" applyBorder="1"/>
    <xf numFmtId="0" fontId="4" fillId="0" borderId="6" xfId="0" applyFont="1" applyBorder="1" applyAlignment="1">
      <alignment horizontal="right"/>
    </xf>
    <xf numFmtId="0" fontId="0" fillId="0" borderId="10" xfId="0" applyBorder="1" applyAlignment="1">
      <alignment horizontal="center"/>
    </xf>
    <xf numFmtId="0" fontId="4" fillId="0" borderId="10" xfId="0" applyFont="1" applyBorder="1"/>
    <xf numFmtId="0" fontId="4" fillId="0" borderId="0" xfId="0" applyFont="1"/>
    <xf numFmtId="0" fontId="5" fillId="0" borderId="10" xfId="0" applyFont="1" applyBorder="1"/>
    <xf numFmtId="0" fontId="4" fillId="0" borderId="6" xfId="0" applyFont="1" applyBorder="1" applyAlignment="1">
      <alignment vertical="center" wrapText="1"/>
    </xf>
    <xf numFmtId="0" fontId="4" fillId="0" borderId="10" xfId="0" applyFont="1" applyBorder="1" applyAlignment="1">
      <alignment vertical="center" wrapText="1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5" xfId="0" applyBorder="1" applyAlignment="1">
      <alignment horizontal="center"/>
    </xf>
    <xf numFmtId="0" fontId="4" fillId="0" borderId="4" xfId="0" applyFont="1" applyBorder="1" applyAlignment="1">
      <alignment vertical="center" wrapText="1"/>
    </xf>
    <xf numFmtId="0" fontId="4" fillId="0" borderId="5" xfId="0" applyFont="1" applyBorder="1" applyAlignment="1">
      <alignment wrapText="1"/>
    </xf>
    <xf numFmtId="0" fontId="0" fillId="0" borderId="5" xfId="0" applyBorder="1" applyAlignment="1">
      <alignment vertical="center" wrapText="1"/>
    </xf>
    <xf numFmtId="0" fontId="4" fillId="0" borderId="12" xfId="0" applyFont="1" applyBorder="1" applyAlignment="1">
      <alignment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vertical="center"/>
    </xf>
    <xf numFmtId="0" fontId="0" fillId="0" borderId="5" xfId="0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0" fillId="0" borderId="11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5" xfId="0" applyBorder="1" applyAlignment="1">
      <alignment vertical="center"/>
    </xf>
    <xf numFmtId="0" fontId="5" fillId="0" borderId="5" xfId="0" applyFont="1" applyBorder="1" applyAlignment="1">
      <alignment vertical="center"/>
    </xf>
  </cellXfs>
  <cellStyles count="6">
    <cellStyle name="桁区切り 2" xfId="2"/>
    <cellStyle name="標準" xfId="0" builtinId="0"/>
    <cellStyle name="標準 2" xfId="3"/>
    <cellStyle name="標準 3" xfId="4"/>
    <cellStyle name="標準 4" xfId="1"/>
    <cellStyle name="未定義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36"/>
  <sheetViews>
    <sheetView tabSelected="1" zoomScaleNormal="100" workbookViewId="0">
      <selection activeCell="AA19" sqref="AA19"/>
    </sheetView>
  </sheetViews>
  <sheetFormatPr defaultRowHeight="13.5"/>
  <cols>
    <col min="1" max="1" width="8.125" customWidth="1"/>
    <col min="2" max="2" width="13.375" customWidth="1"/>
    <col min="3" max="3" width="5.75" customWidth="1"/>
    <col min="4" max="4" width="5.125" customWidth="1"/>
    <col min="5" max="5" width="5.625" customWidth="1"/>
    <col min="6" max="6" width="6.125" customWidth="1"/>
    <col min="7" max="7" width="5.5" customWidth="1"/>
    <col min="8" max="8" width="6" customWidth="1"/>
    <col min="9" max="9" width="5.5" customWidth="1"/>
    <col min="10" max="10" width="5.75" customWidth="1"/>
    <col min="11" max="11" width="5.5" customWidth="1"/>
    <col min="12" max="13" width="5.75" customWidth="1"/>
    <col min="14" max="14" width="6" customWidth="1"/>
    <col min="15" max="15" width="5.75" customWidth="1"/>
    <col min="16" max="16" width="5.5" customWidth="1"/>
    <col min="17" max="17" width="6.5" customWidth="1"/>
    <col min="18" max="18" width="6.625" customWidth="1"/>
    <col min="19" max="19" width="5.5" customWidth="1"/>
    <col min="20" max="20" width="5.75" customWidth="1"/>
    <col min="21" max="21" width="7.5" customWidth="1"/>
    <col min="22" max="22" width="12.5" customWidth="1"/>
  </cols>
  <sheetData>
    <row r="1" spans="1:22">
      <c r="A1" s="6" t="s">
        <v>47</v>
      </c>
    </row>
    <row r="2" spans="1:22" ht="17.25">
      <c r="H2" s="10" t="s">
        <v>46</v>
      </c>
    </row>
    <row r="4" spans="1:22" ht="16.5" customHeight="1">
      <c r="A4" s="2"/>
      <c r="B4" s="8" t="s">
        <v>8</v>
      </c>
      <c r="C4" s="25" t="s">
        <v>9</v>
      </c>
      <c r="D4" s="26"/>
      <c r="E4" s="25" t="s">
        <v>9</v>
      </c>
      <c r="F4" s="26"/>
      <c r="G4" s="28" t="s">
        <v>10</v>
      </c>
      <c r="H4" s="28"/>
      <c r="I4" s="28"/>
      <c r="J4" s="28"/>
      <c r="K4" s="28" t="s">
        <v>11</v>
      </c>
      <c r="L4" s="28"/>
      <c r="M4" s="28"/>
      <c r="N4" s="28"/>
      <c r="O4" s="37" t="s">
        <v>12</v>
      </c>
      <c r="P4" s="37"/>
      <c r="Q4" s="28" t="s">
        <v>13</v>
      </c>
      <c r="R4" s="28"/>
      <c r="S4" s="28"/>
      <c r="T4" s="27"/>
      <c r="U4" s="2"/>
      <c r="V4" s="2"/>
    </row>
    <row r="5" spans="1:22" ht="16.5" customHeight="1">
      <c r="A5" s="7"/>
      <c r="B5" s="9" t="s">
        <v>14</v>
      </c>
      <c r="C5" s="39" t="s">
        <v>15</v>
      </c>
      <c r="D5" s="40"/>
      <c r="E5" s="39" t="s">
        <v>16</v>
      </c>
      <c r="F5" s="40"/>
      <c r="G5" s="37" t="s">
        <v>17</v>
      </c>
      <c r="H5" s="37"/>
      <c r="I5" s="42" t="s">
        <v>18</v>
      </c>
      <c r="J5" s="42"/>
      <c r="K5" s="37" t="s">
        <v>19</v>
      </c>
      <c r="L5" s="37"/>
      <c r="M5" s="38" t="s">
        <v>20</v>
      </c>
      <c r="N5" s="38"/>
      <c r="O5" s="37"/>
      <c r="P5" s="37"/>
      <c r="Q5" s="28" t="s">
        <v>21</v>
      </c>
      <c r="R5" s="28"/>
      <c r="S5" s="28" t="s">
        <v>22</v>
      </c>
      <c r="T5" s="27"/>
      <c r="U5" s="7"/>
      <c r="V5" s="7"/>
    </row>
    <row r="6" spans="1:22" ht="16.5" customHeight="1">
      <c r="A6" s="19" t="s">
        <v>23</v>
      </c>
      <c r="B6" s="9" t="s">
        <v>24</v>
      </c>
      <c r="C6" s="1"/>
      <c r="D6" s="5"/>
      <c r="E6" s="12" t="s">
        <v>40</v>
      </c>
      <c r="F6" s="13"/>
      <c r="G6" s="41"/>
      <c r="H6" s="41"/>
      <c r="I6" s="42"/>
      <c r="J6" s="42"/>
      <c r="K6" s="37"/>
      <c r="L6" s="37"/>
      <c r="M6" s="38"/>
      <c r="N6" s="38"/>
      <c r="O6" s="37"/>
      <c r="P6" s="37"/>
      <c r="Q6" s="30" t="s">
        <v>25</v>
      </c>
      <c r="R6" s="23" t="s">
        <v>26</v>
      </c>
      <c r="S6" s="31" t="s">
        <v>2</v>
      </c>
      <c r="T6" s="32" t="s">
        <v>3</v>
      </c>
      <c r="U6" s="7" t="s">
        <v>27</v>
      </c>
      <c r="V6" s="19" t="s">
        <v>28</v>
      </c>
    </row>
    <row r="7" spans="1:22" ht="16.5" customHeight="1">
      <c r="A7" s="7"/>
      <c r="B7" s="9" t="s">
        <v>29</v>
      </c>
      <c r="C7" s="34" t="s">
        <v>30</v>
      </c>
      <c r="D7" s="34" t="s">
        <v>4</v>
      </c>
      <c r="E7" s="34" t="s">
        <v>31</v>
      </c>
      <c r="F7" s="34" t="s">
        <v>0</v>
      </c>
      <c r="G7" s="33" t="s">
        <v>4</v>
      </c>
      <c r="H7" s="33" t="s">
        <v>32</v>
      </c>
      <c r="I7" s="33" t="s">
        <v>5</v>
      </c>
      <c r="J7" s="33" t="s">
        <v>32</v>
      </c>
      <c r="K7" s="33" t="s">
        <v>5</v>
      </c>
      <c r="L7" s="36" t="s">
        <v>32</v>
      </c>
      <c r="M7" s="33" t="s">
        <v>5</v>
      </c>
      <c r="N7" s="33" t="s">
        <v>32</v>
      </c>
      <c r="O7" s="33" t="s">
        <v>5</v>
      </c>
      <c r="P7" s="36" t="s">
        <v>32</v>
      </c>
      <c r="Q7" s="30"/>
      <c r="R7" s="24"/>
      <c r="S7" s="31"/>
      <c r="T7" s="32"/>
      <c r="U7" s="7"/>
      <c r="V7" s="7"/>
    </row>
    <row r="8" spans="1:22" ht="15" customHeight="1">
      <c r="A8" s="3"/>
      <c r="B8" s="5" t="s">
        <v>33</v>
      </c>
      <c r="C8" s="35"/>
      <c r="D8" s="35"/>
      <c r="E8" s="35"/>
      <c r="F8" s="35"/>
      <c r="G8" s="33"/>
      <c r="H8" s="33"/>
      <c r="I8" s="33"/>
      <c r="J8" s="33"/>
      <c r="K8" s="33"/>
      <c r="L8" s="36"/>
      <c r="M8" s="33"/>
      <c r="N8" s="33"/>
      <c r="O8" s="33"/>
      <c r="P8" s="36"/>
      <c r="Q8" s="30"/>
      <c r="R8" s="29"/>
      <c r="S8" s="31"/>
      <c r="T8" s="32"/>
      <c r="U8" s="3"/>
      <c r="V8" s="3"/>
    </row>
    <row r="9" spans="1:22">
      <c r="A9" s="2"/>
      <c r="B9" s="2"/>
      <c r="C9" s="2"/>
      <c r="D9" s="16" t="s">
        <v>34</v>
      </c>
      <c r="E9" s="17"/>
      <c r="F9" s="16" t="s">
        <v>34</v>
      </c>
      <c r="G9" s="15" t="s">
        <v>34</v>
      </c>
      <c r="H9" s="16" t="s">
        <v>34</v>
      </c>
      <c r="I9" s="15" t="s">
        <v>34</v>
      </c>
      <c r="J9" s="16" t="s">
        <v>34</v>
      </c>
      <c r="K9" s="15" t="s">
        <v>34</v>
      </c>
      <c r="L9" s="16" t="s">
        <v>34</v>
      </c>
      <c r="M9" s="15" t="s">
        <v>34</v>
      </c>
      <c r="N9" s="16" t="s">
        <v>34</v>
      </c>
      <c r="O9" s="15" t="s">
        <v>34</v>
      </c>
      <c r="P9" s="16" t="s">
        <v>34</v>
      </c>
      <c r="Q9" s="14" t="s">
        <v>35</v>
      </c>
      <c r="R9" s="18" t="s">
        <v>35</v>
      </c>
      <c r="S9" s="15" t="s">
        <v>36</v>
      </c>
      <c r="T9" s="18" t="s">
        <v>35</v>
      </c>
      <c r="U9" s="14" t="s">
        <v>35</v>
      </c>
      <c r="V9" s="2"/>
    </row>
    <row r="10" spans="1:22">
      <c r="A10" s="7"/>
      <c r="B10" s="7"/>
      <c r="C10" s="7"/>
      <c r="D10" s="7"/>
      <c r="E10" s="7"/>
      <c r="F10" s="7"/>
      <c r="H10" s="7"/>
      <c r="J10" s="7"/>
      <c r="L10" s="7"/>
      <c r="N10" s="7"/>
      <c r="P10" s="7"/>
      <c r="R10" s="7"/>
      <c r="T10" s="7"/>
      <c r="V10" s="7"/>
    </row>
    <row r="11" spans="1:22">
      <c r="A11" s="7"/>
      <c r="B11" s="7"/>
      <c r="C11" s="7"/>
      <c r="D11" s="7"/>
      <c r="E11" s="7"/>
      <c r="F11" s="7"/>
      <c r="H11" s="7"/>
      <c r="J11" s="7"/>
      <c r="L11" s="7"/>
      <c r="N11" s="7"/>
      <c r="P11" s="7"/>
      <c r="R11" s="7"/>
      <c r="T11" s="7"/>
      <c r="V11" s="7"/>
    </row>
    <row r="12" spans="1:22">
      <c r="A12" s="7"/>
      <c r="B12" s="7"/>
      <c r="C12" s="7"/>
      <c r="D12" s="7"/>
      <c r="E12" s="7"/>
      <c r="F12" s="7"/>
      <c r="H12" s="7"/>
      <c r="J12" s="7"/>
      <c r="L12" s="7"/>
      <c r="N12" s="7"/>
      <c r="P12" s="7"/>
      <c r="R12" s="7"/>
      <c r="T12" s="7"/>
      <c r="V12" s="7"/>
    </row>
    <row r="13" spans="1:22">
      <c r="A13" s="7"/>
      <c r="B13" s="7"/>
      <c r="C13" s="7"/>
      <c r="D13" s="7"/>
      <c r="E13" s="7"/>
      <c r="F13" s="7"/>
      <c r="H13" s="7"/>
      <c r="J13" s="7"/>
      <c r="L13" s="7"/>
      <c r="N13" s="7"/>
      <c r="P13" s="7"/>
      <c r="R13" s="7"/>
      <c r="T13" s="7"/>
      <c r="V13" s="20"/>
    </row>
    <row r="14" spans="1:22">
      <c r="A14" s="7"/>
      <c r="B14" s="7"/>
      <c r="C14" s="7"/>
      <c r="D14" s="7"/>
      <c r="E14" s="7"/>
      <c r="F14" s="7"/>
      <c r="H14" s="7"/>
      <c r="J14" s="7"/>
      <c r="L14" s="7"/>
      <c r="N14" s="7"/>
      <c r="P14" s="7"/>
      <c r="R14" s="7"/>
      <c r="T14" s="7"/>
      <c r="V14" s="22" t="s">
        <v>48</v>
      </c>
    </row>
    <row r="15" spans="1:22">
      <c r="A15" s="7"/>
      <c r="B15" s="7"/>
      <c r="C15" s="7"/>
      <c r="D15" s="7"/>
      <c r="E15" s="7"/>
      <c r="F15" s="7"/>
      <c r="G15" s="11" t="s">
        <v>37</v>
      </c>
      <c r="H15" s="19" t="s">
        <v>37</v>
      </c>
      <c r="J15" s="7"/>
      <c r="K15" s="11" t="s">
        <v>37</v>
      </c>
      <c r="L15" s="19" t="s">
        <v>37</v>
      </c>
      <c r="N15" s="7"/>
      <c r="P15" s="7"/>
      <c r="R15" s="7"/>
      <c r="T15" s="7"/>
      <c r="V15" s="22" t="s">
        <v>49</v>
      </c>
    </row>
    <row r="16" spans="1:22">
      <c r="A16" s="7"/>
      <c r="B16" s="7"/>
      <c r="C16" s="7"/>
      <c r="D16" s="7"/>
      <c r="E16" s="7"/>
      <c r="F16" s="7"/>
      <c r="H16" s="7"/>
      <c r="J16" s="7"/>
      <c r="L16" s="7"/>
      <c r="N16" s="7"/>
      <c r="P16" s="7"/>
      <c r="R16" s="7"/>
      <c r="T16" s="7"/>
      <c r="V16" s="7" t="s">
        <v>38</v>
      </c>
    </row>
    <row r="17" spans="1:22">
      <c r="A17" s="7"/>
      <c r="B17" s="7"/>
      <c r="C17" s="7"/>
      <c r="D17" s="7"/>
      <c r="E17" s="7"/>
      <c r="F17" s="7"/>
      <c r="H17" s="7"/>
      <c r="J17" s="7"/>
      <c r="L17" s="7"/>
      <c r="N17" s="7"/>
      <c r="P17" s="7"/>
      <c r="R17" s="7"/>
      <c r="T17" s="7"/>
      <c r="V17" s="7" t="s">
        <v>39</v>
      </c>
    </row>
    <row r="18" spans="1:22">
      <c r="A18" s="7"/>
      <c r="B18" s="7"/>
      <c r="C18" s="7"/>
      <c r="D18" s="7"/>
      <c r="E18" s="7"/>
      <c r="F18" s="7"/>
      <c r="H18" s="7"/>
      <c r="J18" s="7"/>
      <c r="L18" s="7"/>
      <c r="N18" s="7"/>
      <c r="P18" s="7"/>
      <c r="R18" s="7"/>
      <c r="T18" s="7"/>
      <c r="V18" s="7"/>
    </row>
    <row r="19" spans="1:22">
      <c r="A19" s="7"/>
      <c r="B19" s="7"/>
      <c r="C19" s="7"/>
      <c r="D19" s="7"/>
      <c r="E19" s="7"/>
      <c r="F19" s="7"/>
      <c r="H19" s="7"/>
      <c r="J19" s="7"/>
      <c r="L19" s="7"/>
      <c r="N19" s="7"/>
      <c r="P19" s="7"/>
      <c r="R19" s="7"/>
      <c r="T19" s="7"/>
      <c r="V19" s="7"/>
    </row>
    <row r="20" spans="1:22">
      <c r="A20" s="7"/>
      <c r="B20" s="7"/>
      <c r="C20" s="7"/>
      <c r="D20" s="7"/>
      <c r="E20" s="7"/>
      <c r="F20" s="7"/>
      <c r="H20" s="7"/>
      <c r="J20" s="7"/>
      <c r="L20" s="7"/>
      <c r="N20" s="7"/>
      <c r="P20" s="7"/>
      <c r="R20" s="7"/>
      <c r="T20" s="7"/>
      <c r="V20" s="7"/>
    </row>
    <row r="21" spans="1:22">
      <c r="A21" s="7"/>
      <c r="B21" s="7"/>
      <c r="C21" s="7"/>
      <c r="D21" s="7"/>
      <c r="E21" s="7"/>
      <c r="F21" s="7"/>
      <c r="H21" s="7"/>
      <c r="J21" s="7"/>
      <c r="L21" s="7"/>
      <c r="N21" s="7"/>
      <c r="P21" s="7"/>
      <c r="R21" s="7"/>
      <c r="T21" s="7"/>
      <c r="V21" s="7"/>
    </row>
    <row r="22" spans="1:22">
      <c r="A22" s="7"/>
      <c r="B22" s="7"/>
      <c r="C22" s="7"/>
      <c r="D22" s="7"/>
      <c r="E22" s="7"/>
      <c r="F22" s="7"/>
      <c r="H22" s="7"/>
      <c r="J22" s="7"/>
      <c r="L22" s="7"/>
      <c r="N22" s="7"/>
      <c r="P22" s="7"/>
      <c r="R22" s="7"/>
      <c r="T22" s="7"/>
      <c r="V22" s="7"/>
    </row>
    <row r="23" spans="1:22">
      <c r="A23" s="7"/>
      <c r="B23" s="7"/>
      <c r="C23" s="7"/>
      <c r="D23" s="7"/>
      <c r="E23" s="7"/>
      <c r="F23" s="7"/>
      <c r="H23" s="7"/>
      <c r="J23" s="7"/>
      <c r="L23" s="7"/>
      <c r="N23" s="7"/>
      <c r="P23" s="7"/>
      <c r="R23" s="7"/>
      <c r="T23" s="7"/>
      <c r="V23" s="7"/>
    </row>
    <row r="24" spans="1:22">
      <c r="A24" s="7"/>
      <c r="B24" s="7"/>
      <c r="C24" s="7"/>
      <c r="D24" s="7"/>
      <c r="E24" s="7"/>
      <c r="F24" s="7"/>
      <c r="H24" s="7"/>
      <c r="J24" s="7"/>
      <c r="L24" s="7"/>
      <c r="N24" s="7"/>
      <c r="P24" s="7"/>
      <c r="R24" s="7"/>
      <c r="T24" s="7"/>
      <c r="V24" s="7"/>
    </row>
    <row r="25" spans="1:22">
      <c r="A25" s="7"/>
      <c r="B25" s="7"/>
      <c r="C25" s="7"/>
      <c r="D25" s="7"/>
      <c r="E25" s="7"/>
      <c r="F25" s="7"/>
      <c r="H25" s="7"/>
      <c r="J25" s="7"/>
      <c r="L25" s="7"/>
      <c r="N25" s="7"/>
      <c r="P25" s="7"/>
      <c r="R25" s="7"/>
      <c r="T25" s="7"/>
      <c r="V25" s="7"/>
    </row>
    <row r="26" spans="1:22">
      <c r="A26" s="3"/>
      <c r="B26" s="3"/>
      <c r="C26" s="3"/>
      <c r="D26" s="3"/>
      <c r="E26" s="3"/>
      <c r="F26" s="3"/>
      <c r="G26" s="4"/>
      <c r="H26" s="3"/>
      <c r="I26" s="1"/>
      <c r="J26" s="3"/>
      <c r="K26" s="1"/>
      <c r="L26" s="3"/>
      <c r="M26" s="1"/>
      <c r="N26" s="3"/>
      <c r="O26" s="1"/>
      <c r="P26" s="3"/>
      <c r="Q26" s="1"/>
      <c r="R26" s="3"/>
      <c r="S26" s="1"/>
      <c r="T26" s="3"/>
      <c r="U26" s="1"/>
      <c r="V26" s="3"/>
    </row>
    <row r="27" spans="1:22">
      <c r="A27" s="6"/>
      <c r="B27" s="6"/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6"/>
      <c r="S27" s="6"/>
      <c r="T27" s="6"/>
      <c r="U27" s="6"/>
      <c r="V27" s="6"/>
    </row>
    <row r="28" spans="1:22">
      <c r="A28" s="21" t="s">
        <v>1</v>
      </c>
      <c r="B28" s="21" t="s">
        <v>41</v>
      </c>
    </row>
    <row r="29" spans="1:22">
      <c r="A29" s="21"/>
      <c r="B29" s="21" t="s">
        <v>6</v>
      </c>
    </row>
    <row r="30" spans="1:22">
      <c r="A30" s="21"/>
      <c r="B30" s="21" t="s">
        <v>7</v>
      </c>
    </row>
    <row r="31" spans="1:22">
      <c r="A31" s="21"/>
      <c r="B31" s="21" t="s">
        <v>45</v>
      </c>
    </row>
    <row r="32" spans="1:22">
      <c r="A32" s="21"/>
      <c r="B32" s="21" t="s">
        <v>42</v>
      </c>
    </row>
    <row r="33" spans="1:2">
      <c r="A33" s="21"/>
      <c r="B33" s="21" t="s">
        <v>43</v>
      </c>
    </row>
    <row r="34" spans="1:2">
      <c r="A34" s="21"/>
      <c r="B34" s="21" t="s">
        <v>44</v>
      </c>
    </row>
    <row r="35" spans="1:2">
      <c r="A35" s="21"/>
      <c r="B35" s="21"/>
    </row>
    <row r="36" spans="1:2">
      <c r="A36" s="21"/>
      <c r="B36" s="21"/>
    </row>
  </sheetData>
  <mergeCells count="32">
    <mergeCell ref="C4:D4"/>
    <mergeCell ref="C5:D5"/>
    <mergeCell ref="C7:C8"/>
    <mergeCell ref="D7:D8"/>
    <mergeCell ref="G4:J4"/>
    <mergeCell ref="G5:H6"/>
    <mergeCell ref="I5:J6"/>
    <mergeCell ref="E4:F4"/>
    <mergeCell ref="E5:F5"/>
    <mergeCell ref="G7:G8"/>
    <mergeCell ref="H7:H8"/>
    <mergeCell ref="I7:I8"/>
    <mergeCell ref="J7:J8"/>
    <mergeCell ref="E7:E8"/>
    <mergeCell ref="O7:O8"/>
    <mergeCell ref="F7:F8"/>
    <mergeCell ref="P7:P8"/>
    <mergeCell ref="K4:N4"/>
    <mergeCell ref="K5:L6"/>
    <mergeCell ref="M5:N6"/>
    <mergeCell ref="O4:P6"/>
    <mergeCell ref="K7:K8"/>
    <mergeCell ref="L7:L8"/>
    <mergeCell ref="M7:M8"/>
    <mergeCell ref="N7:N8"/>
    <mergeCell ref="Q5:R5"/>
    <mergeCell ref="S5:T5"/>
    <mergeCell ref="Q4:T4"/>
    <mergeCell ref="R6:R8"/>
    <mergeCell ref="Q6:Q8"/>
    <mergeCell ref="S6:S8"/>
    <mergeCell ref="T6:T8"/>
  </mergeCells>
  <phoneticPr fontId="2"/>
  <pageMargins left="0.28000000000000003" right="0.2" top="0.7" bottom="0.64" header="0.51200000000000001" footer="0.51200000000000001"/>
  <pageSetup paperSize="9" orientation="landscape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2実績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oitapref</cp:lastModifiedBy>
  <dcterms:modified xsi:type="dcterms:W3CDTF">2023-10-16T06:30:17Z</dcterms:modified>
</cp:coreProperties>
</file>